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79 Antiinkektíva pre potreby VÚSCH\03. PT\"/>
    </mc:Choice>
  </mc:AlternateContent>
  <bookViews>
    <workbookView xWindow="3120" yWindow="3120" windowWidth="21600" windowHeight="12645" tabRatio="602" firstSheet="20" activeTab="23"/>
  </bookViews>
  <sheets>
    <sheet name="J01CR02" sheetId="4" r:id="rId1"/>
    <sheet name="J01CR04" sheetId="3" r:id="rId2"/>
    <sheet name="J02AX04" sheetId="2" r:id="rId3"/>
    <sheet name="J01DD07" sheetId="5" r:id="rId4"/>
    <sheet name="J01DD01" sheetId="6" r:id="rId5"/>
    <sheet name="J01MA02" sheetId="7" r:id="rId6"/>
    <sheet name="J01FF01" sheetId="10" r:id="rId7"/>
    <sheet name="A07AA12" sheetId="12" r:id="rId8"/>
    <sheet name="J01CF05" sheetId="11" r:id="rId9"/>
    <sheet name="J02AC01" sheetId="8" r:id="rId10"/>
    <sheet name="J01XX01" sheetId="13" r:id="rId11"/>
    <sheet name="J06BA02" sheetId="14" r:id="rId12"/>
    <sheet name="J01GB03" sheetId="15" r:id="rId13"/>
    <sheet name=" J01DH02 - I." sheetId="16" r:id="rId14"/>
    <sheet name="J01DH02 - II." sheetId="29" r:id="rId15"/>
    <sheet name="J01CR05" sheetId="17" r:id="rId16"/>
    <sheet name="J01DD62" sheetId="18" r:id="rId17"/>
    <sheet name="J01AA12" sheetId="20" r:id="rId18"/>
    <sheet name="J01XA01 - I." sheetId="21" r:id="rId19"/>
    <sheet name="J01AX01 - II." sheetId="22" r:id="rId20"/>
    <sheet name="J02AC03 - I." sheetId="23" r:id="rId21"/>
    <sheet name="J02AC03 - II." sheetId="25" r:id="rId22"/>
    <sheet name="J01DD52" sheetId="24" r:id="rId23"/>
    <sheet name="J01DB04" sheetId="26" r:id="rId24"/>
  </sheets>
  <definedNames>
    <definedName name="_xlnm.Print_Area" localSheetId="13">' J01DH02 - I.'!$A$3:$D$19</definedName>
    <definedName name="_xlnm.Print_Area" localSheetId="7">A07AA12!$A$3:$D$18</definedName>
    <definedName name="_xlnm.Print_Area" localSheetId="17">J01AA12!$A$3:$D$19</definedName>
    <definedName name="_xlnm.Print_Area" localSheetId="19">'J01AX01 - II.'!$A$3:$D$19</definedName>
    <definedName name="_xlnm.Print_Area" localSheetId="8">J01CF05!$A$3:$D$19</definedName>
    <definedName name="_xlnm.Print_Area" localSheetId="0">J01CR02!$A$3:$D$19</definedName>
    <definedName name="_xlnm.Print_Area" localSheetId="1">J01CR04!$A$3:$D$19</definedName>
    <definedName name="_xlnm.Print_Area" localSheetId="15">J01CR05!$A$3:$D$19</definedName>
    <definedName name="_xlnm.Print_Area" localSheetId="23">J01DB04!$A$3:$D$19</definedName>
    <definedName name="_xlnm.Print_Area" localSheetId="4">J01DD01!$A$3:$D$19</definedName>
    <definedName name="_xlnm.Print_Area" localSheetId="3">J01DD07!$A$3:$D$19</definedName>
    <definedName name="_xlnm.Print_Area" localSheetId="22">J01DD52!$A$3:$D$19</definedName>
    <definedName name="_xlnm.Print_Area" localSheetId="16">J01DD62!$A$3:$D$19</definedName>
    <definedName name="_xlnm.Print_Area" localSheetId="14">'J01DH02 - II.'!$A$3:$D$19</definedName>
    <definedName name="_xlnm.Print_Area" localSheetId="6">J01FF01!$A$3:$D$19</definedName>
    <definedName name="_xlnm.Print_Area" localSheetId="12">J01GB03!$A$3:$D$18</definedName>
    <definedName name="_xlnm.Print_Area" localSheetId="5">J01MA02!$A$3:$D$19</definedName>
    <definedName name="_xlnm.Print_Area" localSheetId="18">'J01XA01 - I.'!$A$3:$D$19</definedName>
    <definedName name="_xlnm.Print_Area" localSheetId="10">J01XX01!$A$3:$D$19</definedName>
    <definedName name="_xlnm.Print_Area" localSheetId="9">J02AC01!$A$3:$D$19</definedName>
    <definedName name="_xlnm.Print_Area" localSheetId="20">'J02AC03 - I.'!$A$3:$D$19</definedName>
    <definedName name="_xlnm.Print_Area" localSheetId="21">'J02AC03 - II.'!$A$3:$D$18</definedName>
    <definedName name="_xlnm.Print_Area" localSheetId="2">J02AX04!$A$3:$D$19</definedName>
    <definedName name="_xlnm.Print_Area" localSheetId="11">J06BA02!$A$3:$D$1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7" uniqueCount="142">
  <si>
    <t>1.</t>
  </si>
  <si>
    <t>2.</t>
  </si>
  <si>
    <t>3.</t>
  </si>
  <si>
    <t>4.</t>
  </si>
  <si>
    <t>5.</t>
  </si>
  <si>
    <t>6.</t>
  </si>
  <si>
    <t>7.</t>
  </si>
  <si>
    <t>8.</t>
  </si>
  <si>
    <t>9.</t>
  </si>
  <si>
    <t>Antiinfektíva pre potreby VÚSCH, a.s.</t>
  </si>
  <si>
    <t>liekovka</t>
  </si>
  <si>
    <t>tbl flm</t>
  </si>
  <si>
    <t>implantát</t>
  </si>
  <si>
    <t>ATC skupina:</t>
  </si>
  <si>
    <t>názov ATC skupiny:</t>
  </si>
  <si>
    <t xml:space="preserve">názov účinnej látky: </t>
  </si>
  <si>
    <t>merná jednotka:</t>
  </si>
  <si>
    <t>množstvo účinnej látky v mernej jednotke:</t>
  </si>
  <si>
    <t>lieková forma:</t>
  </si>
  <si>
    <t>cesta podania:</t>
  </si>
  <si>
    <t>vonkajší obal ponúkaných produktov musí obsahovať údaje podľa § 61 ods. 1 zákona č. 362/2011 Z.z. o liekoch a zdravotníckych pomôckach a o zmene a doplnení niektorých zákonov v znení neskorších predpisov.</t>
  </si>
  <si>
    <t>intravenózne použitie</t>
  </si>
  <si>
    <t>1 000 mg</t>
  </si>
  <si>
    <t>J01DH02</t>
  </si>
  <si>
    <t>Meropeném</t>
  </si>
  <si>
    <t>OPIS PREDMETU ZÁKAZKY</t>
  </si>
  <si>
    <t xml:space="preserve">Funkčná špecifikácia predmetu zákazky: </t>
  </si>
  <si>
    <t>Opis a požadované minimálne vlastnosti, parametre a hodnoty predmetu zákazky</t>
  </si>
  <si>
    <t>xxx</t>
  </si>
  <si>
    <t>kus</t>
  </si>
  <si>
    <t>obal:</t>
  </si>
  <si>
    <t>liekovka injekčná sklenená</t>
  </si>
  <si>
    <t>Antiinfektíva na systémové použitie pre potreby VÚSCH, a. s.</t>
  </si>
  <si>
    <t>J01CR02</t>
  </si>
  <si>
    <t>Amoxicilín a inhibítor betalaktamázy</t>
  </si>
  <si>
    <t>Amoxicilín a kyselina klavulánová</t>
  </si>
  <si>
    <t>1 000 mg amoxicilínu a 200 mg 
kyseliny klavulánovej</t>
  </si>
  <si>
    <t>prášok na injekčný/ infúzny roztok</t>
  </si>
  <si>
    <t>J01CR04</t>
  </si>
  <si>
    <t>Sultamicilín</t>
  </si>
  <si>
    <t>1 g ampicilínu a 0,5 g sulbaktámu</t>
  </si>
  <si>
    <t>ampicilín a sulbaktám</t>
  </si>
  <si>
    <t>prášok na injekčný/infúzny roztok</t>
  </si>
  <si>
    <t>liekovka sklenená</t>
  </si>
  <si>
    <t>intravenózne alebo intramuskulárne použitie</t>
  </si>
  <si>
    <t>J02AX04</t>
  </si>
  <si>
    <t>Kaspofungín</t>
  </si>
  <si>
    <t>70 mg</t>
  </si>
  <si>
    <t>J01DD07</t>
  </si>
  <si>
    <t>Cefizoxím</t>
  </si>
  <si>
    <t>prášok na injekčný roztok</t>
  </si>
  <si>
    <t>J01DD01</t>
  </si>
  <si>
    <t>Cefotaxím</t>
  </si>
  <si>
    <t>2 000 mg</t>
  </si>
  <si>
    <t>J01MA02</t>
  </si>
  <si>
    <t>Ciprofloxacín</t>
  </si>
  <si>
    <t>400 mg</t>
  </si>
  <si>
    <t xml:space="preserve"> infúzny roztok</t>
  </si>
  <si>
    <t>J01FF01</t>
  </si>
  <si>
    <t>Klindamycín</t>
  </si>
  <si>
    <t>600 mg</t>
  </si>
  <si>
    <t>ampulka sklenená</t>
  </si>
  <si>
    <t>Fidaxomicín</t>
  </si>
  <si>
    <t>filmom obalená tableta</t>
  </si>
  <si>
    <t>200 mg</t>
  </si>
  <si>
    <t>perorálne použitie</t>
  </si>
  <si>
    <t>A07AA12</t>
  </si>
  <si>
    <t>Lieky pre potreby VÚSCH, a. s.</t>
  </si>
  <si>
    <t>J01CF05</t>
  </si>
  <si>
    <t>Flukloxacilín</t>
  </si>
  <si>
    <t>2 g</t>
  </si>
  <si>
    <t>J02AC01</t>
  </si>
  <si>
    <t>Flukonazol</t>
  </si>
  <si>
    <t>fľaša LDPE</t>
  </si>
  <si>
    <t>J01XX01</t>
  </si>
  <si>
    <t>Fosfomycín</t>
  </si>
  <si>
    <t>4 g</t>
  </si>
  <si>
    <t>prášok na infúzny roztok</t>
  </si>
  <si>
    <t>fľaša sklenená</t>
  </si>
  <si>
    <t>J06BA02</t>
  </si>
  <si>
    <t>Normálne ľudské imunoglobulíny na intravenózne použitie</t>
  </si>
  <si>
    <t>10 g</t>
  </si>
  <si>
    <t>infúzny roztok</t>
  </si>
  <si>
    <t>J01GB03</t>
  </si>
  <si>
    <t>Gentamicín</t>
  </si>
  <si>
    <t xml:space="preserve">130 mg gentamicínu a 280 mg kolagénu </t>
  </si>
  <si>
    <t>intrakavernózne použitie</t>
  </si>
  <si>
    <t>J01CR05</t>
  </si>
  <si>
    <t>Piperacilín a inhibítor betalaktamázy</t>
  </si>
  <si>
    <t>Piperacilín a tazobaktám</t>
  </si>
  <si>
    <t xml:space="preserve">4 g piperacilínu a 0,5 g tazobaktámu </t>
  </si>
  <si>
    <t>J01DD62</t>
  </si>
  <si>
    <t>Cefoperazón, kombinácie</t>
  </si>
  <si>
    <t xml:space="preserve">1 g cefoperazónu a 1 g sulbaktámu </t>
  </si>
  <si>
    <t xml:space="preserve">cefoperazón a sulbaktám </t>
  </si>
  <si>
    <t>J01AA12</t>
  </si>
  <si>
    <t>Tigecyklín</t>
  </si>
  <si>
    <t>50 mg</t>
  </si>
  <si>
    <t>J01XA01</t>
  </si>
  <si>
    <t>Vankomycín</t>
  </si>
  <si>
    <t>500 mg</t>
  </si>
  <si>
    <t>J02AC03</t>
  </si>
  <si>
    <t>Vorikonazol</t>
  </si>
  <si>
    <t xml:space="preserve">liekovka injekčná </t>
  </si>
  <si>
    <t>J01DD52</t>
  </si>
  <si>
    <t>ceftazidím a avibaktám</t>
  </si>
  <si>
    <t>2 g ceftazidímu a 0,5 g avibaktámu</t>
  </si>
  <si>
    <t xml:space="preserve">Prášok na prípravu infúzneho koncentrátu </t>
  </si>
  <si>
    <t>J01DB04</t>
  </si>
  <si>
    <t>Cefazolín</t>
  </si>
  <si>
    <t>prášok na injekčný / infúzny roztok</t>
  </si>
  <si>
    <t>Položka č. 1 - Amoxicilín a inhibítor betalaktamázy</t>
  </si>
  <si>
    <t>Položka č. 2 - Sultamicilín</t>
  </si>
  <si>
    <t>prášok na infúzny koncentrát</t>
  </si>
  <si>
    <t>Položka č. 3 - Kaspofungín</t>
  </si>
  <si>
    <t>Položka č. 5 - Cefotaxím</t>
  </si>
  <si>
    <t>polyolefínový vak s hliníkovým prebalom / polyetylénová fľaša / liekovka injekčná</t>
  </si>
  <si>
    <t>Položka č. 6 - Ciprofloxacín</t>
  </si>
  <si>
    <t>injekčný roztok/infúzny roztok</t>
  </si>
  <si>
    <t>Položka č. 7 - Klindamycín</t>
  </si>
  <si>
    <t>amp.</t>
  </si>
  <si>
    <t>Položka č. 8 - Fidaxomicín</t>
  </si>
  <si>
    <t>Položka č. 9 - Flukloxacilín</t>
  </si>
  <si>
    <t>Položka č. 10 - Flukonazol</t>
  </si>
  <si>
    <t>Položka č. 11 - Fosfomycín</t>
  </si>
  <si>
    <t>Položka č. 12 - Normálne ľudské imunoglobulíny na intravenózne použitie</t>
  </si>
  <si>
    <t>Položka č. 13 - Gentamicín</t>
  </si>
  <si>
    <t>Položka č. 14 - Meropeném</t>
  </si>
  <si>
    <t>Položka č. 16 - Piperacilín a inhibítor betalaktamázy</t>
  </si>
  <si>
    <t>Položka č. 17 - Cefoperazón, kombinácie</t>
  </si>
  <si>
    <t>Položka č. 18 - Tigecyklín</t>
  </si>
  <si>
    <t>intravenózne/perorálne použitie</t>
  </si>
  <si>
    <t>intravenózne/ perorálne použitie</t>
  </si>
  <si>
    <t>Položka č. 21 - Vorikonazol</t>
  </si>
  <si>
    <t>Položka č. 22 - Vorikonazol</t>
  </si>
  <si>
    <t>Položka č. 23 - Ceftazidím, kombinácie</t>
  </si>
  <si>
    <t>Položka č. 24 - Cefazolín</t>
  </si>
  <si>
    <t>Položka č. 20 - Vankomycín</t>
  </si>
  <si>
    <t>Položka č. 19 - Vankomycín</t>
  </si>
  <si>
    <t>Položka č. 15 - Meropeném</t>
  </si>
  <si>
    <t>Položka č. 4 - Cefizoxím</t>
  </si>
  <si>
    <t>Názov predmetu zákazky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sz val="9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28">
    <border>
      <left/>
      <right/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 style="dotted">
        <color indexed="64"/>
      </right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</borders>
  <cellStyleXfs count="2">
    <xf numFmtId="0" fontId="0" fillId="0" borderId="0"/>
    <xf numFmtId="0" fontId="3" fillId="0" borderId="0"/>
  </cellStyleXfs>
  <cellXfs count="53">
    <xf numFmtId="0" fontId="0" fillId="0" borderId="0" xfId="0"/>
    <xf numFmtId="0" fontId="2" fillId="0" borderId="0" xfId="0" applyFont="1" applyAlignment="1">
      <alignment vertical="center" wrapText="1"/>
    </xf>
    <xf numFmtId="0" fontId="2" fillId="0" borderId="0" xfId="0" applyFont="1" applyAlignment="1">
      <alignment vertical="top" wrapText="1"/>
    </xf>
    <xf numFmtId="0" fontId="2" fillId="0" borderId="0" xfId="0" applyFont="1" applyAlignment="1">
      <alignment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vertical="center"/>
    </xf>
    <xf numFmtId="49" fontId="2" fillId="0" borderId="0" xfId="0" applyNumberFormat="1" applyFont="1" applyAlignment="1">
      <alignment vertical="center" wrapText="1"/>
    </xf>
    <xf numFmtId="49" fontId="4" fillId="0" borderId="3" xfId="0" applyNumberFormat="1" applyFont="1" applyBorder="1" applyAlignment="1">
      <alignment vertical="center"/>
    </xf>
    <xf numFmtId="0" fontId="4" fillId="0" borderId="0" xfId="0" applyFont="1" applyFill="1" applyAlignment="1">
      <alignment vertical="center"/>
    </xf>
    <xf numFmtId="49" fontId="4" fillId="0" borderId="1" xfId="0" applyNumberFormat="1" applyFont="1" applyBorder="1" applyAlignment="1">
      <alignment horizontal="center" vertical="center" wrapText="1"/>
    </xf>
    <xf numFmtId="49" fontId="4" fillId="0" borderId="0" xfId="0" applyNumberFormat="1" applyFont="1" applyBorder="1" applyAlignment="1">
      <alignment vertical="center"/>
    </xf>
    <xf numFmtId="49" fontId="4" fillId="0" borderId="0" xfId="0" applyNumberFormat="1" applyFont="1" applyBorder="1" applyAlignment="1">
      <alignment horizontal="left" vertical="center" wrapText="1"/>
    </xf>
    <xf numFmtId="0" fontId="4" fillId="0" borderId="0" xfId="0" applyFont="1" applyAlignment="1">
      <alignment vertical="top" wrapText="1"/>
    </xf>
    <xf numFmtId="0" fontId="6" fillId="0" borderId="9" xfId="0" applyFont="1" applyBorder="1" applyAlignment="1">
      <alignment vertical="center"/>
    </xf>
    <xf numFmtId="0" fontId="4" fillId="0" borderId="10" xfId="0" applyFont="1" applyBorder="1" applyAlignment="1">
      <alignment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12" xfId="0" applyFont="1" applyBorder="1" applyAlignment="1">
      <alignment vertical="center"/>
    </xf>
    <xf numFmtId="0" fontId="4" fillId="0" borderId="13" xfId="0" applyFont="1" applyBorder="1" applyAlignment="1">
      <alignment vertical="center" wrapText="1"/>
    </xf>
    <xf numFmtId="0" fontId="6" fillId="0" borderId="14" xfId="0" applyFont="1" applyBorder="1" applyAlignment="1">
      <alignment vertical="center"/>
    </xf>
    <xf numFmtId="0" fontId="6" fillId="0" borderId="15" xfId="0" applyFont="1" applyBorder="1" applyAlignment="1">
      <alignment horizontal="center" vertical="center" wrapText="1"/>
    </xf>
    <xf numFmtId="0" fontId="4" fillId="0" borderId="14" xfId="0" applyFont="1" applyBorder="1" applyAlignment="1">
      <alignment vertical="center" wrapText="1"/>
    </xf>
    <xf numFmtId="0" fontId="6" fillId="0" borderId="16" xfId="0" applyFont="1" applyBorder="1" applyAlignment="1">
      <alignment vertical="center"/>
    </xf>
    <xf numFmtId="0" fontId="4" fillId="0" borderId="2" xfId="0" applyFont="1" applyBorder="1" applyAlignment="1">
      <alignment vertical="center" wrapText="1"/>
    </xf>
    <xf numFmtId="0" fontId="4" fillId="0" borderId="17" xfId="0" applyFont="1" applyBorder="1" applyAlignment="1">
      <alignment vertical="center" wrapText="1"/>
    </xf>
    <xf numFmtId="0" fontId="4" fillId="0" borderId="15" xfId="0" applyFont="1" applyBorder="1" applyAlignment="1">
      <alignment horizontal="center" vertical="center" wrapText="1"/>
    </xf>
    <xf numFmtId="49" fontId="8" fillId="0" borderId="1" xfId="0" applyNumberFormat="1" applyFont="1" applyBorder="1" applyAlignment="1">
      <alignment horizontal="center" vertical="center" wrapText="1"/>
    </xf>
    <xf numFmtId="49" fontId="3" fillId="0" borderId="0" xfId="1" applyNumberFormat="1" applyFont="1" applyBorder="1" applyAlignment="1">
      <alignment vertical="center" wrapText="1"/>
    </xf>
    <xf numFmtId="0" fontId="6" fillId="0" borderId="23" xfId="0" applyFont="1" applyBorder="1" applyAlignment="1">
      <alignment vertical="center"/>
    </xf>
    <xf numFmtId="0" fontId="6" fillId="0" borderId="24" xfId="0" applyFont="1" applyBorder="1" applyAlignment="1">
      <alignment horizontal="center" vertical="center" wrapText="1"/>
    </xf>
    <xf numFmtId="0" fontId="6" fillId="0" borderId="25" xfId="0" applyFont="1" applyBorder="1" applyAlignment="1">
      <alignment vertical="center"/>
    </xf>
    <xf numFmtId="0" fontId="6" fillId="0" borderId="26" xfId="0" applyFont="1" applyBorder="1" applyAlignment="1">
      <alignment horizontal="center" vertical="center" wrapText="1"/>
    </xf>
    <xf numFmtId="0" fontId="6" fillId="0" borderId="27" xfId="0" applyFont="1" applyBorder="1" applyAlignment="1">
      <alignment vertical="center"/>
    </xf>
    <xf numFmtId="0" fontId="6" fillId="4" borderId="26" xfId="0" applyFont="1" applyFill="1" applyBorder="1" applyAlignment="1">
      <alignment horizontal="center" vertical="center" wrapText="1"/>
    </xf>
    <xf numFmtId="0" fontId="4" fillId="0" borderId="0" xfId="0" applyFont="1" applyAlignment="1">
      <alignment vertical="center" wrapText="1"/>
    </xf>
    <xf numFmtId="0" fontId="5" fillId="0" borderId="0" xfId="0" applyFont="1" applyAlignment="1">
      <alignment horizontal="left" vertical="center" wrapText="1"/>
    </xf>
    <xf numFmtId="0" fontId="4" fillId="4" borderId="0" xfId="0" applyFont="1" applyFill="1" applyAlignment="1">
      <alignment horizontal="left" vertical="center" wrapText="1"/>
    </xf>
    <xf numFmtId="49" fontId="5" fillId="3" borderId="6" xfId="0" applyNumberFormat="1" applyFont="1" applyFill="1" applyBorder="1" applyAlignment="1">
      <alignment horizontal="center" vertical="center" wrapText="1"/>
    </xf>
    <xf numFmtId="49" fontId="5" fillId="3" borderId="5" xfId="0" applyNumberFormat="1" applyFont="1" applyFill="1" applyBorder="1" applyAlignment="1">
      <alignment horizontal="center" vertical="center" wrapText="1"/>
    </xf>
    <xf numFmtId="49" fontId="5" fillId="3" borderId="7" xfId="0" applyNumberFormat="1" applyFont="1" applyFill="1" applyBorder="1" applyAlignment="1">
      <alignment horizontal="center" vertical="center" wrapText="1"/>
    </xf>
    <xf numFmtId="49" fontId="7" fillId="0" borderId="6" xfId="0" applyNumberFormat="1" applyFont="1" applyBorder="1" applyAlignment="1">
      <alignment horizontal="left" vertical="center" wrapText="1"/>
    </xf>
    <xf numFmtId="49" fontId="7" fillId="0" borderId="5" xfId="0" applyNumberFormat="1" applyFont="1" applyBorder="1" applyAlignment="1">
      <alignment horizontal="left" vertical="center" wrapText="1"/>
    </xf>
    <xf numFmtId="49" fontId="7" fillId="0" borderId="7" xfId="0" applyNumberFormat="1" applyFont="1" applyBorder="1" applyAlignment="1">
      <alignment horizontal="left" vertical="center" wrapText="1"/>
    </xf>
    <xf numFmtId="49" fontId="4" fillId="0" borderId="4" xfId="0" applyNumberFormat="1" applyFont="1" applyBorder="1" applyAlignment="1">
      <alignment horizontal="left" vertical="center" wrapText="1"/>
    </xf>
    <xf numFmtId="49" fontId="4" fillId="0" borderId="8" xfId="0" applyNumberFormat="1" applyFont="1" applyBorder="1" applyAlignment="1">
      <alignment horizontal="left" vertical="center" wrapText="1"/>
    </xf>
    <xf numFmtId="0" fontId="1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5" fillId="0" borderId="0" xfId="0" applyNumberFormat="1" applyFont="1" applyAlignment="1">
      <alignment horizontal="left" vertical="center" wrapText="1"/>
    </xf>
    <xf numFmtId="0" fontId="4" fillId="0" borderId="0" xfId="0" applyFont="1" applyAlignment="1">
      <alignment horizontal="left" vertical="center" wrapText="1"/>
    </xf>
    <xf numFmtId="49" fontId="5" fillId="3" borderId="18" xfId="0" applyNumberFormat="1" applyFont="1" applyFill="1" applyBorder="1" applyAlignment="1">
      <alignment horizontal="center" vertical="center" wrapText="1"/>
    </xf>
    <xf numFmtId="49" fontId="5" fillId="3" borderId="19" xfId="0" applyNumberFormat="1" applyFont="1" applyFill="1" applyBorder="1" applyAlignment="1">
      <alignment horizontal="center" vertical="center" wrapText="1"/>
    </xf>
    <xf numFmtId="49" fontId="5" fillId="3" borderId="20" xfId="0" applyNumberFormat="1" applyFont="1" applyFill="1" applyBorder="1" applyAlignment="1">
      <alignment horizontal="center" vertical="center" wrapText="1"/>
    </xf>
    <xf numFmtId="49" fontId="7" fillId="0" borderId="21" xfId="0" applyNumberFormat="1" applyFont="1" applyBorder="1" applyAlignment="1">
      <alignment horizontal="left" vertical="center" wrapText="1"/>
    </xf>
    <xf numFmtId="49" fontId="7" fillId="0" borderId="22" xfId="0" applyNumberFormat="1" applyFont="1" applyBorder="1" applyAlignment="1">
      <alignment horizontal="left" vertical="center" wrapText="1"/>
    </xf>
  </cellXfs>
  <cellStyles count="2">
    <cellStyle name="Normálne" xfId="0" builtinId="0"/>
    <cellStyle name="normálne 2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styles" Target="styles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22"/>
  <sheetViews>
    <sheetView showGridLines="0" topLeftCell="A4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20.285156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x14ac:dyDescent="0.25">
      <c r="A7" s="35" t="s">
        <v>32</v>
      </c>
      <c r="B7" s="35"/>
      <c r="C7" s="35"/>
    </row>
    <row r="8" spans="1:3" s="12" customFormat="1" ht="24.95" customHeight="1" x14ac:dyDescent="0.25">
      <c r="A8" s="36" t="s">
        <v>27</v>
      </c>
      <c r="B8" s="37"/>
      <c r="C8" s="38"/>
    </row>
    <row r="9" spans="1:3" s="12" customFormat="1" ht="24" customHeight="1" x14ac:dyDescent="0.25">
      <c r="A9" s="39" t="s">
        <v>111</v>
      </c>
      <c r="B9" s="40"/>
      <c r="C9" s="41" t="s">
        <v>28</v>
      </c>
    </row>
    <row r="10" spans="1:3" s="8" customFormat="1" ht="24" customHeight="1" x14ac:dyDescent="0.25">
      <c r="A10" s="13" t="s">
        <v>0</v>
      </c>
      <c r="B10" s="14" t="s">
        <v>13</v>
      </c>
      <c r="C10" s="15" t="s">
        <v>33</v>
      </c>
    </row>
    <row r="11" spans="1:3" s="8" customFormat="1" ht="24" customHeight="1" x14ac:dyDescent="0.25">
      <c r="A11" s="16" t="s">
        <v>1</v>
      </c>
      <c r="B11" s="17" t="s">
        <v>14</v>
      </c>
      <c r="C11" s="9" t="s">
        <v>34</v>
      </c>
    </row>
    <row r="12" spans="1:3" s="8" customFormat="1" ht="24" customHeight="1" x14ac:dyDescent="0.25">
      <c r="A12" s="16" t="s">
        <v>2</v>
      </c>
      <c r="B12" s="18" t="s">
        <v>15</v>
      </c>
      <c r="C12" s="9" t="s">
        <v>35</v>
      </c>
    </row>
    <row r="13" spans="1:3" s="8" customFormat="1" ht="24" customHeight="1" x14ac:dyDescent="0.25">
      <c r="A13" s="16" t="s">
        <v>3</v>
      </c>
      <c r="B13" s="18" t="s">
        <v>16</v>
      </c>
      <c r="C13" s="24" t="s">
        <v>10</v>
      </c>
    </row>
    <row r="14" spans="1:3" s="8" customFormat="1" ht="37.5" customHeight="1" x14ac:dyDescent="0.25">
      <c r="A14" s="16" t="s">
        <v>4</v>
      </c>
      <c r="B14" s="20" t="s">
        <v>17</v>
      </c>
      <c r="C14" s="9" t="s">
        <v>36</v>
      </c>
    </row>
    <row r="15" spans="1:3" s="8" customFormat="1" ht="24" customHeight="1" x14ac:dyDescent="0.25">
      <c r="A15" s="16" t="s">
        <v>5</v>
      </c>
      <c r="B15" s="20" t="s">
        <v>18</v>
      </c>
      <c r="C15" s="9" t="s">
        <v>37</v>
      </c>
    </row>
    <row r="16" spans="1:3" s="8" customFormat="1" ht="53.25" customHeight="1" x14ac:dyDescent="0.25">
      <c r="A16" s="21" t="s">
        <v>6</v>
      </c>
      <c r="B16" s="22" t="s">
        <v>30</v>
      </c>
      <c r="C16" s="19" t="s">
        <v>31</v>
      </c>
    </row>
    <row r="17" spans="1:3" s="8" customFormat="1" ht="24" customHeight="1" x14ac:dyDescent="0.25">
      <c r="A17" s="21" t="s">
        <v>7</v>
      </c>
      <c r="B17" s="23" t="s">
        <v>19</v>
      </c>
      <c r="C17" s="19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  <row r="20" spans="1:3" x14ac:dyDescent="0.2">
      <c r="A20" s="26"/>
      <c r="B20" s="26"/>
      <c r="C20" s="26"/>
    </row>
    <row r="21" spans="1:3" x14ac:dyDescent="0.2">
      <c r="A21" s="26"/>
      <c r="B21" s="26"/>
      <c r="C21" s="26"/>
    </row>
    <row r="22" spans="1:3" x14ac:dyDescent="0.2">
      <c r="A22" s="26"/>
      <c r="B22" s="26"/>
      <c r="C22" s="26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8.1406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23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71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72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72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29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56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57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73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topLeftCell="A4" zoomScaleNormal="100" workbookViewId="0">
      <selection activeCell="A7" sqref="A7:C7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6.710937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24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74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75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75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29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76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77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78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7.425781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25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79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80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80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81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82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43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8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9.425781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26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83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84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84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29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85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12</v>
      </c>
    </row>
    <row r="16" spans="1:3" s="8" customFormat="1" ht="24" customHeight="1" x14ac:dyDescent="0.25">
      <c r="A16" s="31" t="s">
        <v>6</v>
      </c>
      <c r="B16" s="23" t="s">
        <v>19</v>
      </c>
      <c r="C16" s="30" t="s">
        <v>86</v>
      </c>
    </row>
    <row r="17" spans="1:3" s="5" customFormat="1" ht="39.950000000000003" customHeight="1" thickBot="1" x14ac:dyDescent="0.3">
      <c r="A17" s="7" t="s">
        <v>7</v>
      </c>
      <c r="B17" s="42" t="s">
        <v>20</v>
      </c>
      <c r="C17" s="43"/>
    </row>
    <row r="18" spans="1:3" s="5" customFormat="1" ht="36.75" customHeight="1" x14ac:dyDescent="0.25">
      <c r="A18" s="10"/>
      <c r="B18" s="11"/>
      <c r="C18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7:C17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21.285156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27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23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24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24</v>
      </c>
    </row>
    <row r="13" spans="1:3" s="8" customFormat="1" ht="24" customHeight="1" x14ac:dyDescent="0.25">
      <c r="A13" s="29" t="s">
        <v>3</v>
      </c>
      <c r="B13" s="18" t="s">
        <v>16</v>
      </c>
      <c r="C13" s="32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2" t="s">
        <v>100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37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topLeftCell="A4" zoomScaleNormal="100" workbookViewId="0">
      <selection sqref="A1:XFD2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8.8554687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39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23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24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24</v>
      </c>
    </row>
    <row r="13" spans="1:3" s="8" customFormat="1" ht="24" customHeight="1" x14ac:dyDescent="0.25">
      <c r="A13" s="29" t="s">
        <v>3</v>
      </c>
      <c r="B13" s="18" t="s">
        <v>16</v>
      </c>
      <c r="C13" s="32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2" t="s">
        <v>22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110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9:C9"/>
    <mergeCell ref="B18:C18"/>
    <mergeCell ref="A4:C4"/>
    <mergeCell ref="A5:C5"/>
    <mergeCell ref="A2:C2"/>
    <mergeCell ref="A1:B1"/>
    <mergeCell ref="A6:C6"/>
    <mergeCell ref="A7:C7"/>
    <mergeCell ref="A8:C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21.1406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28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87</v>
      </c>
    </row>
    <row r="11" spans="1:3" s="8" customFormat="1" ht="24" customHeight="1" x14ac:dyDescent="0.25">
      <c r="A11" s="29" t="s">
        <v>1</v>
      </c>
      <c r="B11" s="17" t="s">
        <v>14</v>
      </c>
      <c r="C11" s="28" t="s">
        <v>88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89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9" t="s">
        <v>90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77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20.425781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29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91</v>
      </c>
    </row>
    <row r="11" spans="1:3" s="8" customFormat="1" ht="24" customHeight="1" x14ac:dyDescent="0.25">
      <c r="A11" s="29" t="s">
        <v>1</v>
      </c>
      <c r="B11" s="17" t="s">
        <v>14</v>
      </c>
      <c r="C11" s="28" t="s">
        <v>92</v>
      </c>
    </row>
    <row r="12" spans="1:3" s="8" customFormat="1" ht="24" customHeight="1" x14ac:dyDescent="0.25">
      <c r="A12" s="29" t="s">
        <v>2</v>
      </c>
      <c r="B12" s="18" t="s">
        <v>15</v>
      </c>
      <c r="C12" s="28" t="s">
        <v>94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28" t="s">
        <v>93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42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44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8.1406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30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95</v>
      </c>
    </row>
    <row r="11" spans="1:3" s="8" customFormat="1" ht="24" customHeight="1" x14ac:dyDescent="0.25">
      <c r="A11" s="29" t="s">
        <v>1</v>
      </c>
      <c r="B11" s="17" t="s">
        <v>14</v>
      </c>
      <c r="C11" s="28" t="s">
        <v>96</v>
      </c>
    </row>
    <row r="12" spans="1:3" s="8" customFormat="1" ht="24" customHeight="1" x14ac:dyDescent="0.25">
      <c r="A12" s="29" t="s">
        <v>2</v>
      </c>
      <c r="B12" s="18" t="s">
        <v>15</v>
      </c>
      <c r="C12" s="28" t="s">
        <v>96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97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77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6.425781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38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98</v>
      </c>
    </row>
    <row r="11" spans="1:3" s="8" customFormat="1" ht="24" customHeight="1" x14ac:dyDescent="0.25">
      <c r="A11" s="29" t="s">
        <v>1</v>
      </c>
      <c r="B11" s="17" t="s">
        <v>14</v>
      </c>
      <c r="C11" s="28" t="s">
        <v>99</v>
      </c>
    </row>
    <row r="12" spans="1:3" s="8" customFormat="1" ht="24" customHeight="1" x14ac:dyDescent="0.25">
      <c r="A12" s="29" t="s">
        <v>2</v>
      </c>
      <c r="B12" s="18" t="s">
        <v>15</v>
      </c>
      <c r="C12" s="28" t="s">
        <v>99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22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77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13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9:C9"/>
    <mergeCell ref="B18:C18"/>
    <mergeCell ref="A4:C4"/>
    <mergeCell ref="A5:C5"/>
    <mergeCell ref="A2:C2"/>
    <mergeCell ref="A1:B1"/>
    <mergeCell ref="A6:C6"/>
    <mergeCell ref="A7:C7"/>
    <mergeCell ref="A8:C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9.8554687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12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38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39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41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9" t="s">
        <v>40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42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43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44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sqref="A1:XFD2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7.710937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37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98</v>
      </c>
    </row>
    <row r="11" spans="1:3" s="8" customFormat="1" ht="24" customHeight="1" x14ac:dyDescent="0.25">
      <c r="A11" s="29" t="s">
        <v>1</v>
      </c>
      <c r="B11" s="17" t="s">
        <v>14</v>
      </c>
      <c r="C11" s="28" t="s">
        <v>99</v>
      </c>
    </row>
    <row r="12" spans="1:3" s="8" customFormat="1" ht="24" customHeight="1" x14ac:dyDescent="0.25">
      <c r="A12" s="29" t="s">
        <v>2</v>
      </c>
      <c r="B12" s="18" t="s">
        <v>15</v>
      </c>
      <c r="C12" s="28" t="s">
        <v>99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100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77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132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9:C9"/>
    <mergeCell ref="B18:C18"/>
    <mergeCell ref="A4:C4"/>
    <mergeCell ref="A5:C5"/>
    <mergeCell ref="A2:C2"/>
    <mergeCell ref="A1:B1"/>
    <mergeCell ref="A6:C6"/>
    <mergeCell ref="A7:C7"/>
    <mergeCell ref="A8:C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8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33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101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102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102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64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77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103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9:C9"/>
    <mergeCell ref="B18:C18"/>
    <mergeCell ref="A4:C4"/>
    <mergeCell ref="A5:C5"/>
    <mergeCell ref="A2:C2"/>
    <mergeCell ref="A1:B1"/>
    <mergeCell ref="A6:C6"/>
    <mergeCell ref="A7:C7"/>
    <mergeCell ref="A8:C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8"/>
  <sheetViews>
    <sheetView showGridLines="0" zoomScaleNormal="100" workbookViewId="0">
      <selection sqref="A1:XFD2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9.57031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34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101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102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102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1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64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63</v>
      </c>
    </row>
    <row r="16" spans="1:3" s="8" customFormat="1" ht="24" customHeight="1" x14ac:dyDescent="0.25">
      <c r="A16" s="31" t="s">
        <v>7</v>
      </c>
      <c r="B16" s="23" t="s">
        <v>19</v>
      </c>
      <c r="C16" s="30" t="s">
        <v>65</v>
      </c>
    </row>
    <row r="17" spans="1:3" s="5" customFormat="1" ht="39.950000000000003" customHeight="1" thickBot="1" x14ac:dyDescent="0.3">
      <c r="A17" s="7" t="s">
        <v>8</v>
      </c>
      <c r="B17" s="42" t="s">
        <v>20</v>
      </c>
      <c r="C17" s="43"/>
    </row>
    <row r="18" spans="1:3" s="5" customFormat="1" ht="36.75" customHeight="1" x14ac:dyDescent="0.25">
      <c r="A18" s="10"/>
      <c r="B18" s="11"/>
      <c r="C18" s="11"/>
    </row>
  </sheetData>
  <mergeCells count="9">
    <mergeCell ref="A9:C9"/>
    <mergeCell ref="B17:C17"/>
    <mergeCell ref="A4:C4"/>
    <mergeCell ref="A5:C5"/>
    <mergeCell ref="A2:C2"/>
    <mergeCell ref="A1:B1"/>
    <mergeCell ref="A6:C6"/>
    <mergeCell ref="A7:C7"/>
    <mergeCell ref="A8:C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9.57031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35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104</v>
      </c>
    </row>
    <row r="11" spans="1:3" s="8" customFormat="1" ht="24" customHeight="1" x14ac:dyDescent="0.25">
      <c r="A11" s="29" t="s">
        <v>1</v>
      </c>
      <c r="B11" s="17" t="s">
        <v>14</v>
      </c>
      <c r="C11" s="28" t="s">
        <v>105</v>
      </c>
    </row>
    <row r="12" spans="1:3" s="8" customFormat="1" ht="24" customHeight="1" x14ac:dyDescent="0.25">
      <c r="A12" s="29" t="s">
        <v>2</v>
      </c>
      <c r="B12" s="18" t="s">
        <v>15</v>
      </c>
      <c r="C12" s="28" t="s">
        <v>105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28" t="s">
        <v>106</v>
      </c>
    </row>
    <row r="15" spans="1:3" s="8" customFormat="1" ht="24" customHeight="1" x14ac:dyDescent="0.25">
      <c r="A15" s="29" t="s">
        <v>5</v>
      </c>
      <c r="B15" s="20" t="s">
        <v>18</v>
      </c>
      <c r="C15" s="28" t="s">
        <v>107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9:C9"/>
    <mergeCell ref="B18:C18"/>
    <mergeCell ref="A4:C4"/>
    <mergeCell ref="A5:C5"/>
    <mergeCell ref="A2:C2"/>
    <mergeCell ref="A1:B1"/>
    <mergeCell ref="A6:C6"/>
    <mergeCell ref="A7:C7"/>
    <mergeCell ref="A8:C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tabSelected="1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7.710937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11.25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36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108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109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109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22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42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44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9:C9"/>
    <mergeCell ref="B18:C18"/>
    <mergeCell ref="A4:C4"/>
    <mergeCell ref="A5:C5"/>
    <mergeCell ref="A2:C2"/>
    <mergeCell ref="A1:B1"/>
    <mergeCell ref="A6:C6"/>
    <mergeCell ref="A7:C7"/>
    <mergeCell ref="A8:C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20.57031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14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45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46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46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47</v>
      </c>
    </row>
    <row r="15" spans="1:3" s="8" customFormat="1" ht="24" customHeight="1" x14ac:dyDescent="0.25">
      <c r="A15" s="29" t="s">
        <v>5</v>
      </c>
      <c r="B15" s="20" t="s">
        <v>18</v>
      </c>
      <c r="C15" s="25" t="s">
        <v>113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8.8554687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40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48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49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49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22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50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44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6.710937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15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51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52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52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53</v>
      </c>
    </row>
    <row r="15" spans="1:3" s="8" customFormat="1" ht="24" customHeight="1" x14ac:dyDescent="0.25">
      <c r="A15" s="29" t="s">
        <v>5</v>
      </c>
      <c r="B15" s="20" t="s">
        <v>18</v>
      </c>
      <c r="C15" s="25" t="s">
        <v>110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44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4.8554687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17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54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55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55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29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56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57</v>
      </c>
    </row>
    <row r="16" spans="1:3" s="8" customFormat="1" ht="53.25" customHeight="1" x14ac:dyDescent="0.25">
      <c r="A16" s="31" t="s">
        <v>6</v>
      </c>
      <c r="B16" s="22" t="s">
        <v>30</v>
      </c>
      <c r="C16" s="25" t="s">
        <v>116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21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19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58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59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59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2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60</v>
      </c>
    </row>
    <row r="15" spans="1:3" s="8" customFormat="1" ht="24" customHeight="1" x14ac:dyDescent="0.25">
      <c r="A15" s="29" t="s">
        <v>5</v>
      </c>
      <c r="B15" s="20" t="s">
        <v>18</v>
      </c>
      <c r="C15" s="25" t="s">
        <v>118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6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44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8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6.57031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67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21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66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62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62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1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64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63</v>
      </c>
    </row>
    <row r="16" spans="1:3" s="8" customFormat="1" ht="24" customHeight="1" x14ac:dyDescent="0.25">
      <c r="A16" s="31" t="s">
        <v>6</v>
      </c>
      <c r="B16" s="23" t="s">
        <v>19</v>
      </c>
      <c r="C16" s="30" t="s">
        <v>65</v>
      </c>
    </row>
    <row r="17" spans="1:3" s="5" customFormat="1" ht="39.950000000000003" customHeight="1" thickBot="1" x14ac:dyDescent="0.3">
      <c r="A17" s="7" t="s">
        <v>7</v>
      </c>
      <c r="B17" s="42" t="s">
        <v>20</v>
      </c>
      <c r="C17" s="43"/>
    </row>
    <row r="18" spans="1:3" s="5" customFormat="1" ht="36.75" customHeight="1" x14ac:dyDescent="0.25">
      <c r="A18" s="10"/>
      <c r="B18" s="11"/>
      <c r="C18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7:C17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19"/>
  <sheetViews>
    <sheetView showGridLines="0" zoomScaleNormal="100" workbookViewId="0">
      <selection activeCell="A9" sqref="A9:C9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7.57031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7" t="s">
        <v>141</v>
      </c>
      <c r="B1" s="47"/>
      <c r="C1" s="33"/>
    </row>
    <row r="2" spans="1:3" x14ac:dyDescent="0.2">
      <c r="A2" s="46" t="s">
        <v>9</v>
      </c>
      <c r="B2" s="46"/>
      <c r="C2" s="46"/>
    </row>
    <row r="3" spans="1:3" ht="15" customHeight="1" x14ac:dyDescent="0.2"/>
    <row r="4" spans="1:3" s="1" customFormat="1" ht="20.100000000000001" customHeight="1" x14ac:dyDescent="0.25">
      <c r="A4" s="44" t="s">
        <v>25</v>
      </c>
      <c r="B4" s="44"/>
      <c r="C4" s="44"/>
    </row>
    <row r="5" spans="1:3" ht="5.0999999999999996" customHeight="1" x14ac:dyDescent="0.2">
      <c r="A5" s="45"/>
      <c r="B5" s="45"/>
      <c r="C5" s="45"/>
    </row>
    <row r="6" spans="1:3" s="1" customFormat="1" ht="26.1" customHeight="1" x14ac:dyDescent="0.25">
      <c r="A6" s="34" t="s">
        <v>26</v>
      </c>
      <c r="B6" s="34"/>
      <c r="C6" s="34"/>
    </row>
    <row r="7" spans="1:3" s="2" customFormat="1" ht="28.5" customHeight="1" thickBot="1" x14ac:dyDescent="0.3">
      <c r="A7" s="35" t="s">
        <v>32</v>
      </c>
      <c r="B7" s="35"/>
      <c r="C7" s="35"/>
    </row>
    <row r="8" spans="1:3" s="12" customFormat="1" ht="24.95" customHeight="1" x14ac:dyDescent="0.25">
      <c r="A8" s="48" t="s">
        <v>27</v>
      </c>
      <c r="B8" s="49"/>
      <c r="C8" s="50"/>
    </row>
    <row r="9" spans="1:3" s="12" customFormat="1" ht="24" customHeight="1" x14ac:dyDescent="0.25">
      <c r="A9" s="51" t="s">
        <v>122</v>
      </c>
      <c r="B9" s="40"/>
      <c r="C9" s="52" t="s">
        <v>28</v>
      </c>
    </row>
    <row r="10" spans="1:3" s="8" customFormat="1" ht="24" customHeight="1" x14ac:dyDescent="0.25">
      <c r="A10" s="27" t="s">
        <v>0</v>
      </c>
      <c r="B10" s="14" t="s">
        <v>13</v>
      </c>
      <c r="C10" s="28" t="s">
        <v>68</v>
      </c>
    </row>
    <row r="11" spans="1:3" s="8" customFormat="1" ht="24" customHeight="1" x14ac:dyDescent="0.25">
      <c r="A11" s="29" t="s">
        <v>1</v>
      </c>
      <c r="B11" s="17" t="s">
        <v>14</v>
      </c>
      <c r="C11" s="9" t="s">
        <v>69</v>
      </c>
    </row>
    <row r="12" spans="1:3" s="8" customFormat="1" ht="24" customHeight="1" x14ac:dyDescent="0.25">
      <c r="A12" s="29" t="s">
        <v>2</v>
      </c>
      <c r="B12" s="18" t="s">
        <v>15</v>
      </c>
      <c r="C12" s="9" t="s">
        <v>69</v>
      </c>
    </row>
    <row r="13" spans="1:3" s="8" customFormat="1" ht="24" customHeight="1" x14ac:dyDescent="0.25">
      <c r="A13" s="29" t="s">
        <v>3</v>
      </c>
      <c r="B13" s="18" t="s">
        <v>16</v>
      </c>
      <c r="C13" s="30" t="s">
        <v>10</v>
      </c>
    </row>
    <row r="14" spans="1:3" s="8" customFormat="1" ht="24" customHeight="1" x14ac:dyDescent="0.25">
      <c r="A14" s="29" t="s">
        <v>4</v>
      </c>
      <c r="B14" s="20" t="s">
        <v>17</v>
      </c>
      <c r="C14" s="30" t="s">
        <v>70</v>
      </c>
    </row>
    <row r="15" spans="1:3" s="8" customFormat="1" ht="24" customHeight="1" x14ac:dyDescent="0.25">
      <c r="A15" s="29" t="s">
        <v>5</v>
      </c>
      <c r="B15" s="20" t="s">
        <v>18</v>
      </c>
      <c r="C15" s="9" t="s">
        <v>42</v>
      </c>
    </row>
    <row r="16" spans="1:3" s="8" customFormat="1" ht="53.25" customHeight="1" x14ac:dyDescent="0.25">
      <c r="A16" s="31" t="s">
        <v>6</v>
      </c>
      <c r="B16" s="22" t="s">
        <v>30</v>
      </c>
      <c r="C16" s="30" t="s">
        <v>31</v>
      </c>
    </row>
    <row r="17" spans="1:3" s="8" customFormat="1" ht="24" customHeight="1" x14ac:dyDescent="0.25">
      <c r="A17" s="31" t="s">
        <v>7</v>
      </c>
      <c r="B17" s="23" t="s">
        <v>19</v>
      </c>
      <c r="C17" s="30" t="s">
        <v>44</v>
      </c>
    </row>
    <row r="18" spans="1:3" s="5" customFormat="1" ht="39.950000000000003" customHeight="1" thickBot="1" x14ac:dyDescent="0.3">
      <c r="A18" s="7" t="s">
        <v>8</v>
      </c>
      <c r="B18" s="42" t="s">
        <v>20</v>
      </c>
      <c r="C18" s="43"/>
    </row>
    <row r="19" spans="1:3" s="5" customFormat="1" ht="36.75" customHeight="1" x14ac:dyDescent="0.25">
      <c r="A19" s="10"/>
      <c r="B19" s="11"/>
      <c r="C19" s="11"/>
    </row>
  </sheetData>
  <mergeCells count="9">
    <mergeCell ref="A4:C4"/>
    <mergeCell ref="A5:C5"/>
    <mergeCell ref="A2:C2"/>
    <mergeCell ref="A1:B1"/>
    <mergeCell ref="A6:C6"/>
    <mergeCell ref="A7:C7"/>
    <mergeCell ref="A8:C8"/>
    <mergeCell ref="A9:C9"/>
    <mergeCell ref="B18:C18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4</vt:i4>
      </vt:variant>
      <vt:variant>
        <vt:lpstr>Pomenované rozsahy</vt:lpstr>
      </vt:variant>
      <vt:variant>
        <vt:i4>24</vt:i4>
      </vt:variant>
    </vt:vector>
  </HeadingPairs>
  <TitlesOfParts>
    <vt:vector size="48" baseType="lpstr">
      <vt:lpstr>J01CR02</vt:lpstr>
      <vt:lpstr>J01CR04</vt:lpstr>
      <vt:lpstr>J02AX04</vt:lpstr>
      <vt:lpstr>J01DD07</vt:lpstr>
      <vt:lpstr>J01DD01</vt:lpstr>
      <vt:lpstr>J01MA02</vt:lpstr>
      <vt:lpstr>J01FF01</vt:lpstr>
      <vt:lpstr>A07AA12</vt:lpstr>
      <vt:lpstr>J01CF05</vt:lpstr>
      <vt:lpstr>J02AC01</vt:lpstr>
      <vt:lpstr>J01XX01</vt:lpstr>
      <vt:lpstr>J06BA02</vt:lpstr>
      <vt:lpstr>J01GB03</vt:lpstr>
      <vt:lpstr> J01DH02 - I.</vt:lpstr>
      <vt:lpstr>J01DH02 - II.</vt:lpstr>
      <vt:lpstr>J01CR05</vt:lpstr>
      <vt:lpstr>J01DD62</vt:lpstr>
      <vt:lpstr>J01AA12</vt:lpstr>
      <vt:lpstr>J01XA01 - I.</vt:lpstr>
      <vt:lpstr>J01AX01 - II.</vt:lpstr>
      <vt:lpstr>J02AC03 - I.</vt:lpstr>
      <vt:lpstr>J02AC03 - II.</vt:lpstr>
      <vt:lpstr>J01DD52</vt:lpstr>
      <vt:lpstr>J01DB04</vt:lpstr>
      <vt:lpstr>' J01DH02 - I.'!Oblasť_tlače</vt:lpstr>
      <vt:lpstr>A07AA12!Oblasť_tlače</vt:lpstr>
      <vt:lpstr>J01AA12!Oblasť_tlače</vt:lpstr>
      <vt:lpstr>'J01AX01 - II.'!Oblasť_tlače</vt:lpstr>
      <vt:lpstr>J01CF05!Oblasť_tlače</vt:lpstr>
      <vt:lpstr>J01CR02!Oblasť_tlače</vt:lpstr>
      <vt:lpstr>J01CR04!Oblasť_tlače</vt:lpstr>
      <vt:lpstr>J01CR05!Oblasť_tlače</vt:lpstr>
      <vt:lpstr>J01DB04!Oblasť_tlače</vt:lpstr>
      <vt:lpstr>J01DD01!Oblasť_tlače</vt:lpstr>
      <vt:lpstr>J01DD07!Oblasť_tlače</vt:lpstr>
      <vt:lpstr>J01DD52!Oblasť_tlače</vt:lpstr>
      <vt:lpstr>J01DD62!Oblasť_tlače</vt:lpstr>
      <vt:lpstr>'J01DH02 - II.'!Oblasť_tlače</vt:lpstr>
      <vt:lpstr>J01FF01!Oblasť_tlače</vt:lpstr>
      <vt:lpstr>J01GB03!Oblasť_tlače</vt:lpstr>
      <vt:lpstr>J01MA02!Oblasť_tlače</vt:lpstr>
      <vt:lpstr>'J01XA01 - I.'!Oblasť_tlače</vt:lpstr>
      <vt:lpstr>J01XX01!Oblasť_tlače</vt:lpstr>
      <vt:lpstr>J02AC01!Oblasť_tlače</vt:lpstr>
      <vt:lpstr>'J02AC03 - I.'!Oblasť_tlače</vt:lpstr>
      <vt:lpstr>'J02AC03 - II.'!Oblasť_tlače</vt:lpstr>
      <vt:lpstr>J02AX04!Oblasť_tlače</vt:lpstr>
      <vt:lpstr>J06BA02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2-27T07:49:36Z</cp:lastPrinted>
  <dcterms:created xsi:type="dcterms:W3CDTF">2017-08-08T08:30:38Z</dcterms:created>
  <dcterms:modified xsi:type="dcterms:W3CDTF">2025-04-28T08:03:18Z</dcterms:modified>
</cp:coreProperties>
</file>